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14:paraId="3977609E" w14:textId="5A0E54E0" w:rsidR="00C54F1F" w:rsidRDefault="00DE7CD9" w:rsidP="00C54F1F">
      <w:pPr>
        <w:pStyle w:val="Overskrift1"/>
        <w:rPr>
          <w:rFonts w:cstheme="majorHAnsi"/>
          <w:b w:val="0"/>
          <w:bCs/>
        </w:rPr>
      </w:pPr>
      <w:r>
        <w:rPr>
          <w:rFonts w:cstheme="majorHAnsi"/>
          <w:b w:val="0"/>
          <w:bCs/>
        </w:rPr>
        <w:t>Informasjon</w:t>
      </w:r>
      <w:r w:rsidR="00C54F1F">
        <w:rPr>
          <w:rFonts w:cstheme="majorHAnsi"/>
          <w:b w:val="0"/>
          <w:bCs/>
        </w:rPr>
        <w:t xml:space="preserve"> om </w:t>
      </w:r>
      <w:r w:rsidR="000342C1">
        <w:rPr>
          <w:rFonts w:cstheme="majorHAnsi"/>
          <w:b w:val="0"/>
          <w:bCs/>
        </w:rPr>
        <w:t>reduksjon i</w:t>
      </w:r>
      <w:r w:rsidR="00C54F1F">
        <w:rPr>
          <w:rFonts w:cstheme="majorHAnsi"/>
          <w:b w:val="0"/>
          <w:bCs/>
        </w:rPr>
        <w:t xml:space="preserve"> permittering</w:t>
      </w:r>
      <w:r w:rsidR="000342C1">
        <w:rPr>
          <w:rFonts w:cstheme="majorHAnsi"/>
          <w:b w:val="0"/>
          <w:bCs/>
        </w:rPr>
        <w:t>sgrad</w:t>
      </w:r>
    </w:p>
    <w:p w14:paraId="33C270D4" w14:textId="77777777" w:rsidR="00C54F1F" w:rsidRDefault="00C54F1F" w:rsidP="00C54F1F"/>
    <w:p w14:paraId="456F5047" w14:textId="77777777" w:rsidR="00C54F1F" w:rsidRDefault="00C54F1F" w:rsidP="00C54F1F">
      <w:r>
        <w:t xml:space="preserve">Bedriftens navn: </w:t>
      </w:r>
      <w:sdt>
        <w:sdtPr>
          <w:id w:val="548337497"/>
          <w:placeholder>
            <w:docPart w:val="BD102CC1861645679D30BCE5A87DEE99"/>
          </w:placeholder>
          <w:showingPlcHdr/>
          <w:text/>
        </w:sdtPr>
        <w:sdtEndPr/>
        <w:sdtContent>
          <w:r>
            <w:rPr>
              <w:rStyle w:val="Plassholdertekst"/>
              <w:highlight w:val="lightGray"/>
            </w:rPr>
            <w:t>[Navn på virksomhet]</w:t>
          </w:r>
        </w:sdtContent>
      </w:sdt>
      <w:r>
        <w:t xml:space="preserve"> [</w:t>
      </w:r>
      <w:r>
        <w:rPr>
          <w:highlight w:val="lightGray"/>
        </w:rPr>
        <w:t>org.nr</w:t>
      </w:r>
      <w:r>
        <w:t>]</w:t>
      </w:r>
    </w:p>
    <w:p w14:paraId="5A6796C6" w14:textId="77777777" w:rsidR="00C54F1F" w:rsidRDefault="00C54F1F" w:rsidP="00C54F1F">
      <w:r>
        <w:t xml:space="preserve">Sted/dato: </w:t>
      </w:r>
      <w:sdt>
        <w:sdtPr>
          <w:id w:val="2070605680"/>
          <w:placeholder>
            <w:docPart w:val="83846387150C4DBDB42E1BE855372076"/>
          </w:placeholder>
          <w:showingPlcHdr/>
          <w:text/>
        </w:sdtPr>
        <w:sdtEndPr/>
        <w:sdtContent>
          <w:r>
            <w:rPr>
              <w:rStyle w:val="Plassholdertekst"/>
              <w:highlight w:val="lightGray"/>
            </w:rPr>
            <w:t>[Sted og dato]</w:t>
          </w:r>
        </w:sdtContent>
      </w:sdt>
    </w:p>
    <w:p w14:paraId="531001BF" w14:textId="77777777" w:rsidR="00C54F1F" w:rsidRDefault="00C54F1F" w:rsidP="00C54F1F">
      <w:r>
        <w:t xml:space="preserve">Til ansatt: </w:t>
      </w:r>
      <w:sdt>
        <w:sdtPr>
          <w:id w:val="1718775115"/>
          <w:placeholder>
            <w:docPart w:val="6D28209077B74E32A9ACAC30065BB668"/>
          </w:placeholder>
          <w:showingPlcHdr/>
          <w:text/>
        </w:sdtPr>
        <w:sdtEndPr/>
        <w:sdtContent>
          <w:r>
            <w:rPr>
              <w:rStyle w:val="Plassholdertekst"/>
              <w:highlight w:val="lightGray"/>
            </w:rPr>
            <w:t>[Navn på arbeidstaker]</w:t>
          </w:r>
        </w:sdtContent>
      </w:sdt>
      <w:r>
        <w:t xml:space="preserve"> [</w:t>
      </w:r>
      <w:r>
        <w:rPr>
          <w:highlight w:val="lightGray"/>
        </w:rPr>
        <w:t>ansatt fra dato, stillingens størrelse i %]</w:t>
      </w:r>
    </w:p>
    <w:p w14:paraId="281FD1BB" w14:textId="77777777" w:rsidR="00C54F1F" w:rsidRDefault="00C54F1F" w:rsidP="00C54F1F"/>
    <w:p w14:paraId="67BDC880" w14:textId="77777777" w:rsidR="00C54F1F" w:rsidRDefault="00C54F1F" w:rsidP="00C54F1F">
      <w:r>
        <w:t xml:space="preserve">Det vises til permitteringsvarsel </w:t>
      </w:r>
      <w:sdt>
        <w:sdtPr>
          <w:id w:val="766506283"/>
          <w:placeholder>
            <w:docPart w:val="5AFF35F6612B46F68BE2A38F8DF0F1BB"/>
          </w:placeholder>
          <w:showingPlcHdr/>
          <w:text/>
        </w:sdtPr>
        <w:sdtEndPr/>
        <w:sdtContent>
          <w:r>
            <w:rPr>
              <w:rStyle w:val="Plassholdertekst"/>
              <w:highlight w:val="lightGray"/>
            </w:rPr>
            <w:t>[dato]</w:t>
          </w:r>
        </w:sdtContent>
      </w:sdt>
      <w:r>
        <w:t xml:space="preserve">  hvor du ble permittert med </w:t>
      </w:r>
      <w:sdt>
        <w:sdtPr>
          <w:id w:val="-601796709"/>
          <w:placeholder>
            <w:docPart w:val="D00B635DDFF743DBAB5A9CC865F9003A"/>
          </w:placeholder>
          <w:showingPlcHdr/>
          <w:text/>
        </w:sdtPr>
        <w:sdtEndPr/>
        <w:sdtContent>
          <w:r>
            <w:rPr>
              <w:rStyle w:val="Plassholdertekst"/>
              <w:highlight w:val="lightGray"/>
            </w:rPr>
            <w:t>[x antall]</w:t>
          </w:r>
        </w:sdtContent>
      </w:sdt>
      <w:r>
        <w:t xml:space="preserve"> % av din stilling. </w:t>
      </w:r>
    </w:p>
    <w:p w14:paraId="76C1C0F8" w14:textId="77777777" w:rsidR="00C54F1F" w:rsidRDefault="00C54F1F" w:rsidP="00C54F1F"/>
    <w:p w14:paraId="0214EE92" w14:textId="6ACBE446" w:rsidR="00C54F1F" w:rsidRDefault="00C54F1F" w:rsidP="00C54F1F">
      <w:r>
        <w:t>Vi vil med dette informere om at du fra og med [</w:t>
      </w:r>
      <w:r w:rsidRPr="00C54F1F">
        <w:rPr>
          <w:highlight w:val="lightGray"/>
        </w:rPr>
        <w:t>dato</w:t>
      </w:r>
      <w:r>
        <w:t xml:space="preserve">] tas delvis tilbake i arbeid. </w:t>
      </w:r>
      <w:r w:rsidR="00DE7CD9">
        <w:t xml:space="preserve">Du vil fra denne dato være permittert i </w:t>
      </w:r>
      <w:sdt>
        <w:sdtPr>
          <w:id w:val="-418723867"/>
          <w:placeholder>
            <w:docPart w:val="5C5234F37B83456992D59BCEBF607F61"/>
          </w:placeholder>
          <w:showingPlcHdr/>
          <w:text/>
        </w:sdtPr>
        <w:sdtEndPr/>
        <w:sdtContent>
          <w:r w:rsidR="00DE7CD9">
            <w:rPr>
              <w:rStyle w:val="Plassholdertekst"/>
              <w:highlight w:val="lightGray"/>
            </w:rPr>
            <w:t>[x antall]</w:t>
          </w:r>
        </w:sdtContent>
      </w:sdt>
      <w:r w:rsidR="00DE7CD9">
        <w:t xml:space="preserve"> % av din stilling og i arbeid i </w:t>
      </w:r>
      <w:sdt>
        <w:sdtPr>
          <w:id w:val="-1921862359"/>
          <w:placeholder>
            <w:docPart w:val="CC771FE07AF34FD88FD07F109B302F04"/>
          </w:placeholder>
          <w:showingPlcHdr/>
          <w:text/>
        </w:sdtPr>
        <w:sdtEndPr/>
        <w:sdtContent>
          <w:r w:rsidR="00DE7CD9">
            <w:rPr>
              <w:rStyle w:val="Plassholdertekst"/>
              <w:highlight w:val="lightGray"/>
            </w:rPr>
            <w:t>[x antall]</w:t>
          </w:r>
        </w:sdtContent>
      </w:sdt>
      <w:r w:rsidR="00DE7CD9">
        <w:t xml:space="preserve"> % av din stilling</w:t>
      </w:r>
    </w:p>
    <w:p w14:paraId="78110FE8" w14:textId="77777777" w:rsidR="00DE7CD9" w:rsidRDefault="00DE7CD9" w:rsidP="00C54F1F">
      <w:r>
        <w:t>Din arbeidstid vil være [</w:t>
      </w:r>
      <w:r w:rsidRPr="00DE7CD9">
        <w:rPr>
          <w:highlight w:val="lightGray"/>
        </w:rPr>
        <w:t>fyll inn</w:t>
      </w:r>
      <w:r>
        <w:t>].</w:t>
      </w:r>
    </w:p>
    <w:p w14:paraId="419C3251" w14:textId="0BC8868D" w:rsidR="00C54F1F" w:rsidRDefault="00C54F1F" w:rsidP="00C54F1F">
      <w:r>
        <w:t>Vi vil holde deg løpende orientert om utviklingen i selskapet og om det er behov for ytterligere permittering</w:t>
      </w:r>
      <w:r w:rsidR="00DE7CD9">
        <w:t xml:space="preserve"> eller en videre </w:t>
      </w:r>
      <w:r w:rsidR="00962F79">
        <w:t>nedtrapping av permitteringen</w:t>
      </w:r>
      <w:r w:rsidR="00DE7CD9">
        <w:t xml:space="preserve">. </w:t>
      </w:r>
    </w:p>
    <w:p w14:paraId="204321B9" w14:textId="77777777" w:rsidR="00DE7CD9" w:rsidRDefault="00DE7CD9" w:rsidP="00C54F1F"/>
    <w:p w14:paraId="4A7176F2" w14:textId="55DDC159" w:rsidR="00C54F1F" w:rsidRDefault="00C54F1F" w:rsidP="00C54F1F">
      <w:r>
        <w:t xml:space="preserve">Du må selv </w:t>
      </w:r>
      <w:r w:rsidR="00DE7CD9">
        <w:t xml:space="preserve">påse at du fyller ut meldekortet i tråd med din nye permitteringsgrad. </w:t>
      </w:r>
      <w:r>
        <w:t>[</w:t>
      </w:r>
      <w:r w:rsidRPr="006A3081">
        <w:rPr>
          <w:i/>
          <w:iCs/>
        </w:rPr>
        <w:t>Arbeidsgiver trenger ikke sende dette til NAV</w:t>
      </w:r>
      <w:r>
        <w:t>.</w:t>
      </w:r>
      <w:r w:rsidR="006A3081">
        <w:t>]</w:t>
      </w:r>
    </w:p>
    <w:p w14:paraId="374F6141" w14:textId="77777777" w:rsidR="006A3081" w:rsidRDefault="006A3081" w:rsidP="00C54F1F"/>
    <w:p w14:paraId="7DECF95A" w14:textId="77777777" w:rsidR="00C54F1F" w:rsidRDefault="00C54F1F" w:rsidP="00C54F1F">
      <w:r>
        <w:t>Ved spørsmål kontakt [</w:t>
      </w:r>
      <w:r w:rsidRPr="00DE7CD9">
        <w:rPr>
          <w:highlight w:val="lightGray"/>
        </w:rPr>
        <w:t>navn på leder</w:t>
      </w:r>
      <w:r>
        <w:t xml:space="preserve">]. </w:t>
      </w:r>
    </w:p>
    <w:p w14:paraId="0726F0ED" w14:textId="77777777" w:rsidR="00C54F1F" w:rsidRDefault="00C54F1F" w:rsidP="00C54F1F"/>
    <w:p w14:paraId="7BF5780E" w14:textId="77777777" w:rsidR="00C54F1F" w:rsidRDefault="00C54F1F" w:rsidP="00C54F1F">
      <w:r>
        <w:t>Med hilsen</w:t>
      </w:r>
    </w:p>
    <w:p w14:paraId="130BA7A0" w14:textId="77777777" w:rsidR="00C54F1F" w:rsidRDefault="00C54F1F" w:rsidP="00C54F1F"/>
    <w:p w14:paraId="412A6663" w14:textId="77777777" w:rsidR="00C54F1F" w:rsidRDefault="00C54F1F" w:rsidP="00C54F1F">
      <w:r>
        <w:t>______________________________</w:t>
      </w:r>
    </w:p>
    <w:p w14:paraId="12A6C5D3" w14:textId="77777777" w:rsidR="00C54F1F" w:rsidRDefault="00C54F1F" w:rsidP="00C54F1F">
      <w:r>
        <w:t>Virksomhetens underskrift</w:t>
      </w:r>
    </w:p>
    <w:p w14:paraId="22FFEBAC" w14:textId="77777777" w:rsidR="00C54F1F" w:rsidRDefault="00C54F1F" w:rsidP="00C54F1F"/>
    <w:p w14:paraId="4F00EBEB" w14:textId="77777777" w:rsidR="00FB7044" w:rsidRDefault="00670177"/>
    <w:sectPr w:rsidR="00FB7044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Calibri">
    <w:panose1 w:val="020F0502020204030204"/>
    <w:charset w:val="00"/>
    <w:family w:val="swiss"/>
    <w:pitch w:val="variable"/>
    <w:sig w:usb0="A0002AEF" w:usb1="4000207B" w:usb2="00000000" w:usb3="00000000" w:csb0="000001FF" w:csb1="00000000"/>
  </w:font>
  <w:font w:name="Times New Roman">
    <w:panose1 w:val="02020603050405020304"/>
    <w:charset w:val="00"/>
    <w:family w:val="roman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2AEF" w:usb1="4000207B" w:usb2="00000000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00"/>
  <w:proofState w:spelling="clean" w:grammar="clean"/>
  <w:defaultTabStop w:val="708"/>
  <w:hyphenationZone w:val="425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C54F1F"/>
    <w:rsid w:val="000342C1"/>
    <w:rsid w:val="0007031B"/>
    <w:rsid w:val="000D232D"/>
    <w:rsid w:val="001309AB"/>
    <w:rsid w:val="003A3637"/>
    <w:rsid w:val="004719C6"/>
    <w:rsid w:val="00670177"/>
    <w:rsid w:val="0068635F"/>
    <w:rsid w:val="006A3081"/>
    <w:rsid w:val="007E6469"/>
    <w:rsid w:val="008B2695"/>
    <w:rsid w:val="00962F79"/>
    <w:rsid w:val="00AE0626"/>
    <w:rsid w:val="00C54F1F"/>
    <w:rsid w:val="00CB715A"/>
    <w:rsid w:val="00CC02B3"/>
    <w:rsid w:val="00DE7CD9"/>
    <w:rsid w:val="00DF2801"/>
    <w:rsid w:val="00E1200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nb-NO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23693F38"/>
  <w15:chartTrackingRefBased/>
  <w15:docId w15:val="{16783FDA-1703-4EEB-8147-8493EAA6D3E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Theme="minorHAnsi" w:eastAsiaTheme="minorHAnsi" w:hAnsiTheme="minorHAnsi" w:cstheme="minorBidi"/>
        <w:sz w:val="22"/>
        <w:szCs w:val="22"/>
        <w:lang w:val="nb-NO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C54F1F"/>
    <w:pPr>
      <w:spacing w:line="240" w:lineRule="auto"/>
      <w:jc w:val="both"/>
    </w:pPr>
  </w:style>
  <w:style w:type="paragraph" w:styleId="Overskrift1">
    <w:name w:val="heading 1"/>
    <w:basedOn w:val="Normal"/>
    <w:next w:val="Normal"/>
    <w:link w:val="Overskrift1Tegn"/>
    <w:uiPriority w:val="9"/>
    <w:qFormat/>
    <w:rsid w:val="00C54F1F"/>
    <w:pPr>
      <w:keepNext/>
      <w:keepLines/>
      <w:spacing w:before="240" w:after="0"/>
      <w:outlineLvl w:val="0"/>
    </w:pPr>
    <w:rPr>
      <w:rFonts w:asciiTheme="majorHAnsi" w:eastAsiaTheme="majorEastAsia" w:hAnsiTheme="majorHAnsi" w:cstheme="majorBidi"/>
      <w:b/>
      <w:color w:val="000000" w:themeColor="text1"/>
      <w:sz w:val="40"/>
      <w:szCs w:val="32"/>
    </w:rPr>
  </w:style>
  <w:style w:type="character" w:default="1" w:styleId="Standardskriftforavsnitt">
    <w:name w:val="Default Paragraph Font"/>
    <w:uiPriority w:val="1"/>
    <w:semiHidden/>
    <w:unhideWhenUsed/>
  </w:style>
  <w:style w:type="table" w:default="1" w:styleId="Vanligtabel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liste">
    <w:name w:val="No List"/>
    <w:uiPriority w:val="99"/>
    <w:semiHidden/>
    <w:unhideWhenUsed/>
  </w:style>
  <w:style w:type="character" w:customStyle="1" w:styleId="Overskrift1Tegn">
    <w:name w:val="Overskrift 1 Tegn"/>
    <w:basedOn w:val="Standardskriftforavsnitt"/>
    <w:link w:val="Overskrift1"/>
    <w:uiPriority w:val="9"/>
    <w:rsid w:val="00C54F1F"/>
    <w:rPr>
      <w:rFonts w:asciiTheme="majorHAnsi" w:eastAsiaTheme="majorEastAsia" w:hAnsiTheme="majorHAnsi" w:cstheme="majorBidi"/>
      <w:b/>
      <w:color w:val="000000" w:themeColor="text1"/>
      <w:sz w:val="40"/>
      <w:szCs w:val="32"/>
    </w:rPr>
  </w:style>
  <w:style w:type="character" w:styleId="Plassholdertekst">
    <w:name w:val="Placeholder Text"/>
    <w:basedOn w:val="Standardskriftforavsnitt"/>
    <w:uiPriority w:val="99"/>
    <w:semiHidden/>
    <w:rsid w:val="00C54F1F"/>
    <w:rPr>
      <w:color w:val="000000" w:themeColor="text1"/>
    </w:rPr>
  </w:style>
  <w:style w:type="paragraph" w:styleId="Bobletekst">
    <w:name w:val="Balloon Text"/>
    <w:basedOn w:val="Normal"/>
    <w:link w:val="BobletekstTegn"/>
    <w:uiPriority w:val="99"/>
    <w:semiHidden/>
    <w:unhideWhenUsed/>
    <w:rsid w:val="00C54F1F"/>
    <w:pPr>
      <w:spacing w:after="0"/>
    </w:pPr>
    <w:rPr>
      <w:rFonts w:ascii="Segoe UI" w:hAnsi="Segoe UI" w:cs="Segoe UI"/>
      <w:sz w:val="18"/>
      <w:szCs w:val="18"/>
    </w:rPr>
  </w:style>
  <w:style w:type="character" w:customStyle="1" w:styleId="BobletekstTegn">
    <w:name w:val="Bobletekst Tegn"/>
    <w:basedOn w:val="Standardskriftforavsnitt"/>
    <w:link w:val="Bobletekst"/>
    <w:uiPriority w:val="99"/>
    <w:semiHidden/>
    <w:rsid w:val="00C54F1F"/>
    <w:rPr>
      <w:rFonts w:ascii="Segoe UI" w:hAnsi="Segoe UI" w:cs="Segoe UI"/>
      <w:sz w:val="18"/>
      <w:szCs w:val="18"/>
    </w:rPr>
  </w:style>
  <w:style w:type="paragraph" w:styleId="Revisjon">
    <w:name w:val="Revision"/>
    <w:hidden/>
    <w:uiPriority w:val="99"/>
    <w:semiHidden/>
    <w:rsid w:val="000D232D"/>
    <w:pPr>
      <w:spacing w:after="0" w:line="240" w:lineRule="auto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ivs>
    <w:div w:id="7627290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customXml" Target="../customXml/item3.xml"/><Relationship Id="rId7" Type="http://schemas.openxmlformats.org/officeDocument/2006/relationships/webSettings" Target="webSettings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ettings" Target="settings.xml"/><Relationship Id="rId5" Type="http://schemas.openxmlformats.org/officeDocument/2006/relationships/styles" Target="styles.xml"/><Relationship Id="rId10" Type="http://schemas.openxmlformats.org/officeDocument/2006/relationships/theme" Target="theme/theme1.xml"/><Relationship Id="rId4" Type="http://schemas.openxmlformats.org/officeDocument/2006/relationships/customXml" Target="../customXml/item4.xml"/><Relationship Id="rId9" Type="http://schemas.openxmlformats.org/officeDocument/2006/relationships/glossaryDocument" Target="glossary/document.xm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docParts>
    <w:docPart>
      <w:docPartPr>
        <w:name w:val="BD102CC1861645679D30BCE5A87DEE99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05F14117-8E6B-4A85-A0E8-CF9C845FE6E6}"/>
      </w:docPartPr>
      <w:docPartBody>
        <w:p w:rsidR="00387C3E" w:rsidRDefault="00CA40D2" w:rsidP="00CA40D2">
          <w:pPr>
            <w:pStyle w:val="BD102CC1861645679D30BCE5A87DEE99"/>
          </w:pPr>
          <w:r>
            <w:rPr>
              <w:rStyle w:val="Plassholdertekst"/>
            </w:rPr>
            <w:t>[Navn på virksomhet]</w:t>
          </w:r>
        </w:p>
      </w:docPartBody>
    </w:docPart>
    <w:docPart>
      <w:docPartPr>
        <w:name w:val="83846387150C4DBDB42E1BE855372076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C295DE02-E688-44D4-98B0-3F23577E7094}"/>
      </w:docPartPr>
      <w:docPartBody>
        <w:p w:rsidR="00387C3E" w:rsidRDefault="00CA40D2" w:rsidP="00CA40D2">
          <w:pPr>
            <w:pStyle w:val="83846387150C4DBDB42E1BE855372076"/>
          </w:pPr>
          <w:r>
            <w:rPr>
              <w:rStyle w:val="Plassholdertekst"/>
            </w:rPr>
            <w:t>[Sted og dato]</w:t>
          </w:r>
        </w:p>
      </w:docPartBody>
    </w:docPart>
    <w:docPart>
      <w:docPartPr>
        <w:name w:val="6D28209077B74E32A9ACAC30065BB66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7D92B0E7-28F9-4A85-88BE-74FA68FFA5D8}"/>
      </w:docPartPr>
      <w:docPartBody>
        <w:p w:rsidR="00387C3E" w:rsidRDefault="00CA40D2" w:rsidP="00CA40D2">
          <w:pPr>
            <w:pStyle w:val="6D28209077B74E32A9ACAC30065BB668"/>
          </w:pPr>
          <w:r>
            <w:rPr>
              <w:rStyle w:val="Plassholdertekst"/>
            </w:rPr>
            <w:t>[Navn på arbeidstaker]</w:t>
          </w:r>
        </w:p>
      </w:docPartBody>
    </w:docPart>
    <w:docPart>
      <w:docPartPr>
        <w:name w:val="5AFF35F6612B46F68BE2A38F8DF0F1BB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6A2B25AC-9A87-4E0B-A60B-4889B2B12A4C}"/>
      </w:docPartPr>
      <w:docPartBody>
        <w:p w:rsidR="00387C3E" w:rsidRDefault="00CA40D2" w:rsidP="00CA40D2">
          <w:pPr>
            <w:pStyle w:val="5AFF35F6612B46F68BE2A38F8DF0F1BB"/>
          </w:pPr>
          <w:r>
            <w:rPr>
              <w:rStyle w:val="Plassholdertekst"/>
            </w:rPr>
            <w:t>[dato]</w:t>
          </w:r>
        </w:p>
      </w:docPartBody>
    </w:docPart>
    <w:docPart>
      <w:docPartPr>
        <w:name w:val="D00B635DDFF743DBAB5A9CC865F9003A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C1A6516B-F743-4169-AF70-35EE66E0A664}"/>
      </w:docPartPr>
      <w:docPartBody>
        <w:p w:rsidR="00387C3E" w:rsidRDefault="00CA40D2" w:rsidP="00CA40D2">
          <w:pPr>
            <w:pStyle w:val="D00B635DDFF743DBAB5A9CC865F9003A"/>
          </w:pPr>
          <w:r>
            <w:rPr>
              <w:rStyle w:val="Plassholdertekst"/>
            </w:rPr>
            <w:t>[x antall]</w:t>
          </w:r>
        </w:p>
      </w:docPartBody>
    </w:docPart>
    <w:docPart>
      <w:docPartPr>
        <w:name w:val="5C5234F37B83456992D59BCEBF607F61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C3711884-D11D-40C2-B7D1-CEA90AE8C5D6}"/>
      </w:docPartPr>
      <w:docPartBody>
        <w:p w:rsidR="00387C3E" w:rsidRDefault="00CA40D2" w:rsidP="00CA40D2">
          <w:pPr>
            <w:pStyle w:val="5C5234F37B83456992D59BCEBF607F61"/>
          </w:pPr>
          <w:r>
            <w:rPr>
              <w:rStyle w:val="Plassholdertekst"/>
            </w:rPr>
            <w:t>[x antall]</w:t>
          </w:r>
        </w:p>
      </w:docPartBody>
    </w:docPart>
    <w:docPart>
      <w:docPartPr>
        <w:name w:val="CC771FE07AF34FD88FD07F109B302F0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90607CAA-54C9-4F08-8B5C-5C6EDF575E0B}"/>
      </w:docPartPr>
      <w:docPartBody>
        <w:p w:rsidR="00387C3E" w:rsidRDefault="00CA40D2" w:rsidP="00CA40D2">
          <w:pPr>
            <w:pStyle w:val="CC771FE07AF34FD88FD07F109B302F04"/>
          </w:pPr>
          <w:r>
            <w:rPr>
              <w:rStyle w:val="Plassholdertekst"/>
            </w:rPr>
            <w:t>[x antall]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Calibri">
    <w:panose1 w:val="020F0502020204030204"/>
    <w:charset w:val="00"/>
    <w:family w:val="swiss"/>
    <w:pitch w:val="variable"/>
    <w:sig w:usb0="A0002AEF" w:usb1="4000207B" w:usb2="00000000" w:usb3="00000000" w:csb0="000001FF" w:csb1="00000000"/>
  </w:font>
  <w:font w:name="Times New Roman">
    <w:panose1 w:val="02020603050405020304"/>
    <w:charset w:val="00"/>
    <w:family w:val="roman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2AEF" w:usb1="4000207B" w:usb2="00000000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CA40D2"/>
    <w:rsid w:val="00261805"/>
    <w:rsid w:val="002E743B"/>
    <w:rsid w:val="00387C3E"/>
    <w:rsid w:val="004A586B"/>
    <w:rsid w:val="00525989"/>
    <w:rsid w:val="009603B4"/>
    <w:rsid w:val="00CA40D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nb-NO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Theme="minorHAnsi" w:eastAsiaTheme="minorEastAsia" w:hAnsiTheme="minorHAnsi" w:cstheme="minorBidi"/>
        <w:sz w:val="22"/>
        <w:szCs w:val="22"/>
        <w:lang w:val="nb-NO" w:eastAsia="nb-NO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Standardskriftforavsnitt">
    <w:name w:val="Default Paragraph Font"/>
    <w:uiPriority w:val="1"/>
    <w:semiHidden/>
    <w:unhideWhenUsed/>
  </w:style>
  <w:style w:type="table" w:default="1" w:styleId="Vanligtabel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liste">
    <w:name w:val="No List"/>
    <w:uiPriority w:val="99"/>
    <w:semiHidden/>
    <w:unhideWhenUsed/>
  </w:style>
  <w:style w:type="character" w:styleId="Plassholdertekst">
    <w:name w:val="Placeholder Text"/>
    <w:basedOn w:val="Standardskriftforavsnitt"/>
    <w:uiPriority w:val="99"/>
    <w:semiHidden/>
    <w:rsid w:val="00CA40D2"/>
  </w:style>
  <w:style w:type="paragraph" w:customStyle="1" w:styleId="BD102CC1861645679D30BCE5A87DEE99">
    <w:name w:val="BD102CC1861645679D30BCE5A87DEE99"/>
    <w:rsid w:val="00CA40D2"/>
  </w:style>
  <w:style w:type="paragraph" w:customStyle="1" w:styleId="83846387150C4DBDB42E1BE855372076">
    <w:name w:val="83846387150C4DBDB42E1BE855372076"/>
    <w:rsid w:val="00CA40D2"/>
  </w:style>
  <w:style w:type="paragraph" w:customStyle="1" w:styleId="6D28209077B74E32A9ACAC30065BB668">
    <w:name w:val="6D28209077B74E32A9ACAC30065BB668"/>
    <w:rsid w:val="00CA40D2"/>
  </w:style>
  <w:style w:type="paragraph" w:customStyle="1" w:styleId="5AFF35F6612B46F68BE2A38F8DF0F1BB">
    <w:name w:val="5AFF35F6612B46F68BE2A38F8DF0F1BB"/>
    <w:rsid w:val="00CA40D2"/>
  </w:style>
  <w:style w:type="paragraph" w:customStyle="1" w:styleId="D00B635DDFF743DBAB5A9CC865F9003A">
    <w:name w:val="D00B635DDFF743DBAB5A9CC865F9003A"/>
    <w:rsid w:val="00CA40D2"/>
  </w:style>
  <w:style w:type="paragraph" w:customStyle="1" w:styleId="5FAC413E8E6A4ACC8A1167C1219FE7E9">
    <w:name w:val="5FAC413E8E6A4ACC8A1167C1219FE7E9"/>
    <w:rsid w:val="00CA40D2"/>
  </w:style>
  <w:style w:type="paragraph" w:customStyle="1" w:styleId="5C5234F37B83456992D59BCEBF607F61">
    <w:name w:val="5C5234F37B83456992D59BCEBF607F61"/>
    <w:rsid w:val="00CA40D2"/>
  </w:style>
  <w:style w:type="paragraph" w:customStyle="1" w:styleId="CC771FE07AF34FD88FD07F109B302F04">
    <w:name w:val="CC771FE07AF34FD88FD07F109B302F04"/>
    <w:rsid w:val="00CA40D2"/>
  </w:style>
  <w:style w:type="paragraph" w:customStyle="1" w:styleId="18F79A69586943A28EBAB2F6D3D46CA3">
    <w:name w:val="18F79A69586943A28EBAB2F6D3D46CA3"/>
    <w:rsid w:val="00CA40D2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optimizeForBrowser/>
  <w:allowPNG/>
</w:webSettings>
</file>

<file path=word/theme/theme1.xml><?xml version="1.0" encoding="utf-8"?>
<a:theme xmlns:a="http://schemas.openxmlformats.org/drawingml/2006/main" name="Office-tema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AE8CEA38D9DE1B4193896065C5BD1EF4" ma:contentTypeVersion="8" ma:contentTypeDescription="Create a new document." ma:contentTypeScope="" ma:versionID="5c2aeda27530af58a3c00c1464aa7c08">
  <xsd:schema xmlns:xsd="http://www.w3.org/2001/XMLSchema" xmlns:xs="http://www.w3.org/2001/XMLSchema" xmlns:p="http://schemas.microsoft.com/office/2006/metadata/properties" xmlns:ns3="03a0e015-4f46-4d29-98ca-48629461444d" xmlns:ns4="2eb84492-47b0-4dff-b95d-73a4f5086d07" targetNamespace="http://schemas.microsoft.com/office/2006/metadata/properties" ma:root="true" ma:fieldsID="17880e9f2646af69d4b076ee6d0a8b31" ns3:_="" ns4:_="">
    <xsd:import namespace="03a0e015-4f46-4d29-98ca-48629461444d"/>
    <xsd:import namespace="2eb84492-47b0-4dff-b95d-73a4f5086d07"/>
    <xsd:element name="properties">
      <xsd:complexType>
        <xsd:sequence>
          <xsd:element name="documentManagement">
            <xsd:complexType>
              <xsd:all>
                <xsd:element ref="ns3:MediaServiceMetadata" minOccurs="0"/>
                <xsd:element ref="ns3:MediaServiceFastMetadata" minOccurs="0"/>
                <xsd:element ref="ns3:MediaServiceDateTaken" minOccurs="0"/>
                <xsd:element ref="ns3:MediaServiceAutoTags" minOccurs="0"/>
                <xsd:element ref="ns3:MediaServiceOCR" minOccurs="0"/>
                <xsd:element ref="ns4:SharedWithUsers" minOccurs="0"/>
                <xsd:element ref="ns4:SharedWithDetails" minOccurs="0"/>
                <xsd:element ref="ns4:SharingHintHash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3a0e015-4f46-4d29-98ca-48629461444d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DateTaken" ma:index="10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1" nillable="true" ma:displayName="MediaServiceAutoTags" ma:internalName="MediaServiceAutoTags" ma:readOnly="true">
      <xsd:simpleType>
        <xsd:restriction base="dms:Text"/>
      </xsd:simpleType>
    </xsd:element>
    <xsd:element name="MediaServiceOCR" ma:index="12" nillable="true" ma:displayName="MediaServiceOCR" ma:internalName="MediaServiceOCR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2eb84492-47b0-4dff-b95d-73a4f5086d07" elementFormDefault="qualified">
    <xsd:import namespace="http://schemas.microsoft.com/office/2006/documentManagement/types"/>
    <xsd:import namespace="http://schemas.microsoft.com/office/infopath/2007/PartnerControls"/>
    <xsd:element name="SharedWithUsers" ma:index="13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4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SharingHintHash" ma:index="15" nillable="true" ma:displayName="Sharing Hint Hash" ma:hidden="true" ma:internalName="SharingHintHash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4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7CFC0EA0-3D56-493E-8CD3-0F95562D7ACD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03a0e015-4f46-4d29-98ca-48629461444d"/>
    <ds:schemaRef ds:uri="2eb84492-47b0-4dff-b95d-73a4f5086d07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BE284C54-00CE-4AB2-908F-9BFBE76EF939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D8EC9A01-2BC4-4F51-B696-0A49EC4EFC2C}">
  <ds:schemaRefs>
    <ds:schemaRef ds:uri="http://schemas.microsoft.com/office/2006/metadata/properties"/>
    <ds:schemaRef ds:uri="http://schemas.microsoft.com/office/infopath/2007/PartnerControls"/>
  </ds:schemaRefs>
</ds:datastoreItem>
</file>

<file path=customXml/itemProps4.xml><?xml version="1.0" encoding="utf-8"?>
<ds:datastoreItem xmlns:ds="http://schemas.openxmlformats.org/officeDocument/2006/customXml" ds:itemID="{19A4EE21-D171-44DB-B068-2C571442C02F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4</TotalTime>
  <Pages>1</Pages>
  <Words>150</Words>
  <Characters>798</Characters>
  <Application>Microsoft Office Word</Application>
  <DocSecurity>0</DocSecurity>
  <Lines>6</Lines>
  <Paragraphs>1</Paragraphs>
  <ScaleCrop>false</ScaleCrop>
  <HeadingPairs>
    <vt:vector size="2" baseType="variant">
      <vt:variant>
        <vt:lpstr>Tittel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94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Thea Tellemann</dc:creator>
  <cp:keywords/>
  <dc:description/>
  <cp:lastModifiedBy>Erika Kristoffersen Bruun</cp:lastModifiedBy>
  <cp:revision>5</cp:revision>
  <dcterms:created xsi:type="dcterms:W3CDTF">2020-04-29T14:50:00Z</dcterms:created>
  <dcterms:modified xsi:type="dcterms:W3CDTF">2020-04-29T14:59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AE8CEA38D9DE1B4193896065C5BD1EF4</vt:lpwstr>
  </property>
  <property fmtid="{D5CDD505-2E9C-101B-9397-08002B2CF9AE}" pid="3" name="BackOfficeType">
    <vt:lpwstr>growBusiness Solutions</vt:lpwstr>
  </property>
  <property fmtid="{D5CDD505-2E9C-101B-9397-08002B2CF9AE}" pid="4" name="Server">
    <vt:lpwstr>360virke</vt:lpwstr>
  </property>
  <property fmtid="{D5CDD505-2E9C-101B-9397-08002B2CF9AE}" pid="5" name="Protocol">
    <vt:lpwstr>off</vt:lpwstr>
  </property>
  <property fmtid="{D5CDD505-2E9C-101B-9397-08002B2CF9AE}" pid="6" name="Site">
    <vt:lpwstr>/locator.aspx</vt:lpwstr>
  </property>
  <property fmtid="{D5CDD505-2E9C-101B-9397-08002B2CF9AE}" pid="7" name="FileID">
    <vt:lpwstr>1246046</vt:lpwstr>
  </property>
  <property fmtid="{D5CDD505-2E9C-101B-9397-08002B2CF9AE}" pid="8" name="VerID">
    <vt:lpwstr>0</vt:lpwstr>
  </property>
  <property fmtid="{D5CDD505-2E9C-101B-9397-08002B2CF9AE}" pid="9" name="FilePath">
    <vt:lpwstr>\\RB-SXD7E-006\360users\work\i04\rb134</vt:lpwstr>
  </property>
  <property fmtid="{D5CDD505-2E9C-101B-9397-08002B2CF9AE}" pid="10" name="FileName">
    <vt:lpwstr>20-11673 Informasjon om reduksjon i permitteringsgrad 1246046_910586_0.DOCX</vt:lpwstr>
  </property>
  <property fmtid="{D5CDD505-2E9C-101B-9397-08002B2CF9AE}" pid="11" name="FullFileName">
    <vt:lpwstr>\\RB-SXD7E-006\360users\work\i04\rb134\20-11673 Informasjon om reduksjon i permitteringsgrad 1246046_910586_0.DOCX</vt:lpwstr>
  </property>
</Properties>
</file>